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26_2023 SET KARDIOVASKULÁRNY\02. Príprava\04. PTK\01. Odoslané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3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7" i="3" l="1"/>
  <c r="L7" i="3" s="1"/>
  <c r="N7" i="3" s="1"/>
  <c r="M7" i="3" l="1"/>
  <c r="N8" i="3" l="1"/>
  <c r="M8" i="3"/>
</calcChain>
</file>

<file path=xl/sharedStrings.xml><?xml version="1.0" encoding="utf-8"?>
<sst xmlns="http://schemas.openxmlformats.org/spreadsheetml/2006/main" count="80" uniqueCount="58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SPOLU:</t>
  </si>
  <si>
    <t xml:space="preserve">Požadované množstvo MJ   </t>
  </si>
  <si>
    <t>Obchodné meno/Názov uchádzača:</t>
  </si>
  <si>
    <t>Sídlo/Miesto podnikania:</t>
  </si>
  <si>
    <t>Výška DPH</t>
  </si>
  <si>
    <t>Celková cena za požadované 
 množstvo MJ v EUR</t>
  </si>
  <si>
    <t>14.</t>
  </si>
  <si>
    <t>Požadované množstvo MJ  na obdobie 36 mesiacov</t>
  </si>
  <si>
    <t>Set kardiovaskulárny</t>
  </si>
  <si>
    <t>Sortiment položky č. 1 - Jednorázové sety - Set kardiovaskulárny</t>
  </si>
  <si>
    <t>Uchádzač je povinný produkt s najvyššou zmluvnou jednotkovou cenou bez DPH uvedený u príslušnej položky viditeľne označiť žltým podfarbením celého riadku.</t>
  </si>
  <si>
    <t>Týmto potvrdzujem, že všetky uvedené informácie sú pravdivé.</t>
  </si>
  <si>
    <t>Jednorázové sety - Set kardiovaskulár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8" fillId="2" borderId="3" xfId="0" applyFont="1" applyFill="1" applyBorder="1" applyAlignment="1" applyProtection="1">
      <alignment horizontal="center" vertical="center" wrapText="1"/>
      <protection locked="0"/>
    </xf>
    <xf numFmtId="0" fontId="18" fillId="2" borderId="28" xfId="0" applyFont="1" applyFill="1" applyBorder="1" applyAlignment="1" applyProtection="1">
      <alignment horizontal="center" vertical="top" wrapText="1"/>
      <protection locked="0"/>
    </xf>
    <xf numFmtId="0" fontId="18" fillId="2" borderId="3" xfId="0" applyFont="1" applyFill="1" applyBorder="1" applyAlignment="1" applyProtection="1">
      <alignment horizontal="center" vertical="top" wrapText="1"/>
      <protection locked="0"/>
    </xf>
    <xf numFmtId="0" fontId="18" fillId="2" borderId="43" xfId="0" applyFont="1" applyFill="1" applyBorder="1" applyAlignment="1" applyProtection="1">
      <alignment horizontal="center" vertical="top" wrapText="1"/>
      <protection locked="0"/>
    </xf>
    <xf numFmtId="0" fontId="18" fillId="2" borderId="44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2" borderId="9" xfId="0" applyFont="1" applyFill="1" applyBorder="1" applyAlignment="1" applyProtection="1">
      <alignment horizontal="center" vertical="center" wrapText="1"/>
      <protection locked="0"/>
    </xf>
    <xf numFmtId="0" fontId="18" fillId="2" borderId="32" xfId="0" applyFont="1" applyFill="1" applyBorder="1" applyAlignment="1" applyProtection="1">
      <alignment horizontal="center" vertical="center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0" fontId="5" fillId="0" borderId="0" xfId="2" applyFont="1" applyAlignment="1">
      <alignment vertical="center"/>
    </xf>
    <xf numFmtId="49" fontId="18" fillId="0" borderId="0" xfId="0" applyNumberFormat="1" applyFont="1" applyBorder="1" applyAlignment="1" applyProtection="1">
      <alignment vertical="center" wrapText="1"/>
      <protection locked="0"/>
    </xf>
    <xf numFmtId="0" fontId="17" fillId="0" borderId="0" xfId="2" applyFont="1" applyAlignment="1">
      <alignment horizontal="left" wrapText="1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3" fontId="6" fillId="0" borderId="36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4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20" xfId="0" applyNumberFormat="1" applyFont="1" applyFill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36"/>
  <sheetViews>
    <sheetView showGridLines="0" tabSelected="1" zoomScale="80" zoomScaleNormal="80" workbookViewId="0">
      <selection activeCell="O20" sqref="O20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6" customFormat="1" ht="20.100000000000001" customHeight="1" x14ac:dyDescent="0.2">
      <c r="A1" s="145" t="s">
        <v>22</v>
      </c>
      <c r="B1" s="145"/>
      <c r="C1" s="145"/>
      <c r="D1" s="145"/>
      <c r="E1" s="145"/>
      <c r="F1" s="145"/>
      <c r="G1" s="145"/>
      <c r="H1" s="145"/>
      <c r="I1" s="145"/>
      <c r="J1" s="145"/>
      <c r="K1" s="145"/>
      <c r="L1" s="145"/>
      <c r="M1" s="145"/>
      <c r="N1" s="145"/>
      <c r="O1" s="5"/>
      <c r="P1" s="5"/>
      <c r="Q1" s="5"/>
      <c r="R1" s="5"/>
      <c r="S1" s="5"/>
      <c r="T1" s="5"/>
      <c r="U1" s="5"/>
      <c r="V1" s="5"/>
      <c r="W1" s="35"/>
    </row>
    <row r="2" spans="1:63" ht="24.95" customHeight="1" x14ac:dyDescent="0.2">
      <c r="A2" s="23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49" t="s">
        <v>53</v>
      </c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</row>
    <row r="4" spans="1:63" s="41" customFormat="1" ht="40.5" customHeight="1" x14ac:dyDescent="0.25">
      <c r="A4" s="150" t="s">
        <v>23</v>
      </c>
      <c r="B4" s="152" t="s">
        <v>24</v>
      </c>
      <c r="C4" s="150" t="s">
        <v>41</v>
      </c>
      <c r="D4" s="154" t="s">
        <v>52</v>
      </c>
      <c r="E4" s="134" t="s">
        <v>28</v>
      </c>
      <c r="F4" s="134" t="s">
        <v>29</v>
      </c>
      <c r="G4" s="134" t="s">
        <v>30</v>
      </c>
      <c r="H4" s="70" t="s">
        <v>31</v>
      </c>
      <c r="I4" s="127" t="s">
        <v>44</v>
      </c>
      <c r="J4" s="128"/>
      <c r="K4" s="128"/>
      <c r="L4" s="129"/>
      <c r="M4" s="128" t="s">
        <v>50</v>
      </c>
      <c r="N4" s="129"/>
      <c r="P4" s="47"/>
      <c r="Q4" s="47"/>
    </row>
    <row r="5" spans="1:63" s="41" customFormat="1" ht="33" customHeight="1" x14ac:dyDescent="0.25">
      <c r="A5" s="151"/>
      <c r="B5" s="153"/>
      <c r="C5" s="151"/>
      <c r="D5" s="155"/>
      <c r="E5" s="135"/>
      <c r="F5" s="135"/>
      <c r="G5" s="135"/>
      <c r="H5" s="71"/>
      <c r="I5" s="72" t="s">
        <v>25</v>
      </c>
      <c r="J5" s="73" t="s">
        <v>32</v>
      </c>
      <c r="K5" s="103" t="s">
        <v>49</v>
      </c>
      <c r="L5" s="74" t="s">
        <v>27</v>
      </c>
      <c r="M5" s="75" t="s">
        <v>25</v>
      </c>
      <c r="N5" s="76" t="s">
        <v>27</v>
      </c>
      <c r="P5" s="47"/>
      <c r="Q5" s="47"/>
    </row>
    <row r="6" spans="1:63" s="42" customFormat="1" ht="14.1" customHeight="1" x14ac:dyDescent="0.25">
      <c r="A6" s="111" t="s">
        <v>0</v>
      </c>
      <c r="B6" s="111" t="s">
        <v>10</v>
      </c>
      <c r="C6" s="111" t="s">
        <v>11</v>
      </c>
      <c r="D6" s="111" t="s">
        <v>12</v>
      </c>
      <c r="E6" s="111" t="s">
        <v>13</v>
      </c>
      <c r="F6" s="111" t="s">
        <v>14</v>
      </c>
      <c r="G6" s="111" t="s">
        <v>15</v>
      </c>
      <c r="H6" s="111" t="s">
        <v>16</v>
      </c>
      <c r="I6" s="111" t="s">
        <v>17</v>
      </c>
      <c r="J6" s="111" t="s">
        <v>33</v>
      </c>
      <c r="K6" s="111" t="s">
        <v>34</v>
      </c>
      <c r="L6" s="111" t="s">
        <v>35</v>
      </c>
      <c r="M6" s="111" t="s">
        <v>36</v>
      </c>
      <c r="N6" s="111" t="s">
        <v>51</v>
      </c>
      <c r="P6" s="50"/>
      <c r="Q6" s="50"/>
    </row>
    <row r="7" spans="1:63" s="43" customFormat="1" ht="39.75" customHeight="1" thickBot="1" x14ac:dyDescent="0.3">
      <c r="A7" s="51" t="s">
        <v>0</v>
      </c>
      <c r="B7" s="52" t="s">
        <v>57</v>
      </c>
      <c r="C7" s="51" t="s">
        <v>43</v>
      </c>
      <c r="D7" s="121">
        <v>2049</v>
      </c>
      <c r="E7" s="100"/>
      <c r="F7" s="100"/>
      <c r="G7" s="100"/>
      <c r="H7" s="100"/>
      <c r="I7" s="110"/>
      <c r="J7" s="109"/>
      <c r="K7" s="105">
        <f>I7*J7</f>
        <v>0</v>
      </c>
      <c r="L7" s="104">
        <f>I7+K7</f>
        <v>0</v>
      </c>
      <c r="M7" s="53">
        <f t="shared" ref="M7" si="0">D7*I7</f>
        <v>0</v>
      </c>
      <c r="N7" s="54">
        <f>D7*L7</f>
        <v>0</v>
      </c>
      <c r="P7" s="50"/>
      <c r="Q7" s="50"/>
    </row>
    <row r="8" spans="1:63" s="44" customFormat="1" ht="33" customHeight="1" thickBot="1" x14ac:dyDescent="0.3">
      <c r="A8" s="55"/>
      <c r="B8" s="56"/>
      <c r="C8" s="56"/>
      <c r="D8" s="56"/>
      <c r="E8" s="57"/>
      <c r="F8" s="57"/>
      <c r="G8" s="57"/>
      <c r="H8" s="57"/>
      <c r="I8" s="56"/>
      <c r="J8" s="56"/>
      <c r="K8" s="98" t="s">
        <v>45</v>
      </c>
      <c r="L8" s="98"/>
      <c r="M8" s="86">
        <f>SUM(M7:M7)</f>
        <v>0</v>
      </c>
      <c r="N8" s="87">
        <f>SUM(N7:N7)</f>
        <v>0</v>
      </c>
      <c r="P8" s="58"/>
      <c r="Q8" s="58"/>
    </row>
    <row r="9" spans="1:63" s="44" customFormat="1" ht="12" customHeight="1" x14ac:dyDescent="0.25">
      <c r="A9" s="55"/>
      <c r="B9" s="56"/>
      <c r="C9" s="56"/>
      <c r="D9" s="56"/>
      <c r="E9" s="57"/>
      <c r="F9" s="57"/>
      <c r="G9" s="57"/>
      <c r="H9" s="57"/>
      <c r="I9" s="56"/>
      <c r="J9" s="56"/>
      <c r="K9" s="98"/>
      <c r="L9" s="98"/>
      <c r="M9" s="101"/>
      <c r="N9" s="101"/>
      <c r="P9" s="58"/>
      <c r="Q9" s="58"/>
    </row>
    <row r="10" spans="1:63" s="45" customFormat="1" ht="29.25" customHeight="1" x14ac:dyDescent="0.25">
      <c r="A10" s="148" t="s">
        <v>54</v>
      </c>
      <c r="B10" s="148"/>
      <c r="C10" s="148"/>
      <c r="D10" s="148"/>
      <c r="E10" s="148"/>
      <c r="F10" s="148"/>
      <c r="G10" s="148"/>
      <c r="H10" s="148"/>
      <c r="I10" s="148"/>
      <c r="J10" s="148"/>
      <c r="K10" s="148"/>
      <c r="L10" s="99"/>
      <c r="M10" s="59"/>
      <c r="N10" s="59"/>
      <c r="O10" s="59"/>
      <c r="P10" s="59"/>
      <c r="Q10" s="59"/>
    </row>
    <row r="11" spans="1:63" s="37" customFormat="1" ht="33" customHeight="1" x14ac:dyDescent="0.25">
      <c r="A11" s="125" t="s">
        <v>23</v>
      </c>
      <c r="B11" s="125" t="s">
        <v>37</v>
      </c>
      <c r="C11" s="125" t="s">
        <v>38</v>
      </c>
      <c r="D11" s="125" t="s">
        <v>29</v>
      </c>
      <c r="E11" s="125" t="s">
        <v>31</v>
      </c>
      <c r="F11" s="125" t="s">
        <v>39</v>
      </c>
      <c r="G11" s="125" t="s">
        <v>40</v>
      </c>
      <c r="H11" s="146" t="s">
        <v>42</v>
      </c>
      <c r="I11" s="147"/>
      <c r="J11" s="147"/>
      <c r="K11" s="132" t="s">
        <v>46</v>
      </c>
      <c r="L11" s="102"/>
      <c r="M11" s="156"/>
      <c r="N11" s="156"/>
      <c r="O11" s="47"/>
      <c r="P11" s="47"/>
      <c r="Q11" s="47"/>
    </row>
    <row r="12" spans="1:63" s="37" customFormat="1" ht="23.25" customHeight="1" x14ac:dyDescent="0.25">
      <c r="A12" s="126"/>
      <c r="B12" s="126"/>
      <c r="C12" s="126"/>
      <c r="D12" s="126"/>
      <c r="E12" s="126"/>
      <c r="F12" s="126"/>
      <c r="G12" s="126"/>
      <c r="H12" s="48" t="s">
        <v>25</v>
      </c>
      <c r="I12" s="49" t="s">
        <v>26</v>
      </c>
      <c r="J12" s="83" t="s">
        <v>27</v>
      </c>
      <c r="K12" s="133"/>
      <c r="L12" s="102"/>
      <c r="M12" s="84"/>
      <c r="N12" s="84"/>
      <c r="O12" s="47"/>
      <c r="P12" s="47"/>
      <c r="Q12" s="47"/>
    </row>
    <row r="13" spans="1:63" s="38" customFormat="1" ht="14.1" customHeight="1" x14ac:dyDescent="0.25">
      <c r="A13" s="112" t="s">
        <v>0</v>
      </c>
      <c r="B13" s="113" t="s">
        <v>10</v>
      </c>
      <c r="C13" s="113" t="s">
        <v>11</v>
      </c>
      <c r="D13" s="114" t="s">
        <v>12</v>
      </c>
      <c r="E13" s="115" t="s">
        <v>13</v>
      </c>
      <c r="F13" s="116" t="s">
        <v>14</v>
      </c>
      <c r="G13" s="111" t="s">
        <v>15</v>
      </c>
      <c r="H13" s="117" t="s">
        <v>16</v>
      </c>
      <c r="I13" s="118" t="s">
        <v>17</v>
      </c>
      <c r="J13" s="119" t="s">
        <v>33</v>
      </c>
      <c r="K13" s="120" t="s">
        <v>34</v>
      </c>
      <c r="L13" s="106"/>
      <c r="M13" s="84"/>
      <c r="N13" s="84"/>
      <c r="O13" s="60"/>
      <c r="P13" s="60"/>
      <c r="Q13" s="60"/>
      <c r="R13" s="46"/>
      <c r="S13" s="46"/>
      <c r="T13" s="46"/>
      <c r="U13" s="46"/>
      <c r="V13" s="46"/>
      <c r="W13" s="46"/>
      <c r="X13" s="46"/>
      <c r="Y13" s="46"/>
      <c r="Z13" s="46"/>
      <c r="AA13" s="46"/>
      <c r="AB13" s="46"/>
      <c r="AC13" s="46"/>
      <c r="AD13" s="46"/>
      <c r="AE13" s="46"/>
      <c r="AF13" s="46"/>
      <c r="AG13" s="46"/>
      <c r="AH13" s="46"/>
      <c r="AI13" s="46"/>
      <c r="AJ13" s="46"/>
      <c r="AK13" s="46"/>
      <c r="AL13" s="46"/>
      <c r="AM13" s="46"/>
      <c r="AN13" s="46"/>
      <c r="AO13" s="46"/>
      <c r="AP13" s="46"/>
      <c r="AQ13" s="46"/>
      <c r="AR13" s="46"/>
      <c r="AS13" s="46"/>
      <c r="AT13" s="46"/>
      <c r="AU13" s="46"/>
      <c r="AV13" s="46"/>
      <c r="AW13" s="46"/>
      <c r="AX13" s="46"/>
      <c r="AY13" s="46"/>
      <c r="AZ13" s="46"/>
      <c r="BA13" s="46"/>
      <c r="BB13" s="46"/>
      <c r="BC13" s="46"/>
      <c r="BD13" s="46"/>
      <c r="BE13" s="46"/>
      <c r="BF13" s="46"/>
      <c r="BG13" s="46"/>
      <c r="BH13" s="46"/>
      <c r="BI13" s="46"/>
      <c r="BJ13" s="46"/>
      <c r="BK13" s="46"/>
    </row>
    <row r="14" spans="1:63" s="39" customFormat="1" ht="33" customHeight="1" x14ac:dyDescent="0.25">
      <c r="A14" s="79" t="s">
        <v>0</v>
      </c>
      <c r="B14" s="61"/>
      <c r="C14" s="62"/>
      <c r="D14" s="77"/>
      <c r="E14" s="77"/>
      <c r="F14" s="77"/>
      <c r="G14" s="77"/>
      <c r="H14" s="90"/>
      <c r="I14" s="92"/>
      <c r="J14" s="91"/>
      <c r="K14" s="136">
        <v>2049</v>
      </c>
      <c r="L14" s="107"/>
      <c r="M14" s="85"/>
      <c r="N14" s="85"/>
      <c r="O14" s="50"/>
      <c r="P14" s="50"/>
      <c r="Q14" s="50"/>
    </row>
    <row r="15" spans="1:63" s="39" customFormat="1" ht="33" customHeight="1" x14ac:dyDescent="0.25">
      <c r="A15" s="78" t="s">
        <v>10</v>
      </c>
      <c r="B15" s="63"/>
      <c r="C15" s="64"/>
      <c r="D15" s="78"/>
      <c r="E15" s="78"/>
      <c r="F15" s="78"/>
      <c r="G15" s="79"/>
      <c r="H15" s="90"/>
      <c r="I15" s="92"/>
      <c r="J15" s="91"/>
      <c r="K15" s="137"/>
      <c r="L15" s="107"/>
      <c r="M15" s="85"/>
      <c r="N15" s="85"/>
      <c r="O15" s="50"/>
      <c r="P15" s="50"/>
      <c r="Q15" s="50"/>
    </row>
    <row r="16" spans="1:63" s="39" customFormat="1" ht="33" customHeight="1" x14ac:dyDescent="0.25">
      <c r="A16" s="80" t="s">
        <v>11</v>
      </c>
      <c r="B16" s="81"/>
      <c r="C16" s="82"/>
      <c r="D16" s="80"/>
      <c r="E16" s="80"/>
      <c r="F16" s="80"/>
      <c r="G16" s="80"/>
      <c r="H16" s="93"/>
      <c r="I16" s="94"/>
      <c r="J16" s="96"/>
      <c r="K16" s="138"/>
      <c r="L16" s="107"/>
      <c r="M16" s="85"/>
      <c r="N16" s="85"/>
      <c r="O16" s="50"/>
      <c r="P16" s="50"/>
      <c r="Q16" s="50"/>
    </row>
    <row r="17" spans="1:17" s="39" customFormat="1" ht="14.25" customHeight="1" x14ac:dyDescent="0.25">
      <c r="A17" s="65"/>
      <c r="B17" s="66"/>
      <c r="C17" s="66"/>
      <c r="D17" s="65"/>
      <c r="E17" s="65"/>
      <c r="F17" s="65"/>
      <c r="G17" s="65"/>
      <c r="H17" s="67"/>
      <c r="I17" s="95"/>
      <c r="J17" s="97"/>
      <c r="K17" s="88"/>
      <c r="L17" s="108"/>
      <c r="M17" s="85"/>
      <c r="N17" s="85"/>
      <c r="O17" s="50"/>
      <c r="P17" s="50"/>
      <c r="Q17" s="50"/>
    </row>
    <row r="18" spans="1:17" s="13" customFormat="1" ht="20.100000000000001" customHeight="1" x14ac:dyDescent="0.2">
      <c r="A18" s="139" t="s">
        <v>55</v>
      </c>
      <c r="B18" s="139"/>
      <c r="C18" s="139"/>
      <c r="D18" s="139"/>
      <c r="E18" s="139"/>
      <c r="F18" s="139"/>
      <c r="G18" s="139"/>
      <c r="H18" s="139"/>
      <c r="I18" s="139"/>
      <c r="J18" s="139"/>
      <c r="K18" s="139"/>
      <c r="L18" s="123"/>
      <c r="M18" s="25"/>
      <c r="N18" s="25"/>
    </row>
    <row r="19" spans="1:17" s="13" customFormat="1" ht="20.100000000000001" customHeight="1" x14ac:dyDescent="0.2">
      <c r="A19" s="124" t="s">
        <v>56</v>
      </c>
      <c r="B19" s="124"/>
      <c r="C19" s="124"/>
      <c r="D19" s="124"/>
      <c r="E19" s="124"/>
      <c r="F19" s="124"/>
      <c r="G19" s="124"/>
      <c r="H19" s="124"/>
      <c r="I19" s="124"/>
      <c r="J19" s="124"/>
      <c r="K19" s="124"/>
      <c r="L19" s="122"/>
      <c r="M19" s="25"/>
      <c r="N19" s="25"/>
    </row>
    <row r="20" spans="1:17" s="39" customFormat="1" ht="33" customHeight="1" x14ac:dyDescent="0.25">
      <c r="A20" s="65"/>
      <c r="B20" s="66"/>
      <c r="C20" s="66"/>
      <c r="D20" s="65"/>
      <c r="E20" s="65"/>
      <c r="F20" s="65"/>
      <c r="G20" s="65"/>
      <c r="H20" s="65"/>
      <c r="I20" s="67"/>
      <c r="J20" s="68"/>
      <c r="K20" s="67"/>
      <c r="L20" s="67"/>
      <c r="M20" s="69"/>
      <c r="N20" s="50"/>
      <c r="O20" s="50"/>
      <c r="P20" s="50"/>
      <c r="Q20" s="50"/>
    </row>
    <row r="21" spans="1:17" s="18" customFormat="1" ht="20.100000000000001" customHeight="1" x14ac:dyDescent="0.2">
      <c r="A21" s="40" t="s">
        <v>47</v>
      </c>
      <c r="B21" s="40"/>
      <c r="C21" s="130"/>
      <c r="D21" s="130"/>
      <c r="E21" s="24"/>
      <c r="F21" s="17"/>
      <c r="G21" s="17"/>
      <c r="H21" s="17"/>
      <c r="I21" s="17"/>
      <c r="J21" s="17"/>
      <c r="K21" s="25"/>
      <c r="L21" s="25"/>
      <c r="M21" s="25"/>
    </row>
    <row r="22" spans="1:17" s="18" customFormat="1" ht="20.100000000000001" customHeight="1" x14ac:dyDescent="0.2">
      <c r="A22" s="40" t="s">
        <v>48</v>
      </c>
      <c r="B22" s="40"/>
      <c r="C22" s="131"/>
      <c r="D22" s="131"/>
      <c r="E22" s="20"/>
      <c r="F22" s="17"/>
      <c r="G22" s="17"/>
      <c r="H22" s="17"/>
      <c r="I22" s="17"/>
      <c r="J22" s="17"/>
      <c r="K22" s="21"/>
      <c r="L22" s="21"/>
      <c r="M22" s="22"/>
    </row>
    <row r="23" spans="1:17" s="18" customFormat="1" ht="20.100000000000001" customHeight="1" x14ac:dyDescent="0.2">
      <c r="A23" s="40" t="s">
        <v>3</v>
      </c>
      <c r="B23" s="40"/>
      <c r="C23" s="131"/>
      <c r="D23" s="131"/>
      <c r="E23" s="20"/>
      <c r="F23" s="17"/>
      <c r="G23" s="17"/>
      <c r="H23" s="17"/>
      <c r="I23" s="17"/>
      <c r="J23" s="17"/>
      <c r="K23" s="21"/>
      <c r="L23" s="21"/>
      <c r="M23" s="22"/>
    </row>
    <row r="24" spans="1:17" s="18" customFormat="1" ht="20.100000000000001" customHeight="1" x14ac:dyDescent="0.25">
      <c r="A24" s="40"/>
      <c r="B24" s="40"/>
      <c r="C24" s="40"/>
      <c r="D24" s="19"/>
      <c r="E24" s="20"/>
      <c r="F24" s="17"/>
      <c r="G24" s="17"/>
      <c r="H24" s="17"/>
      <c r="I24" s="17"/>
      <c r="J24" s="17"/>
      <c r="K24" s="21"/>
      <c r="L24" s="21"/>
      <c r="M24" s="22"/>
    </row>
    <row r="25" spans="1:17" s="18" customFormat="1" ht="20.100000000000001" customHeight="1" x14ac:dyDescent="0.2">
      <c r="A25" s="40" t="s">
        <v>4</v>
      </c>
      <c r="B25" s="40"/>
      <c r="C25" s="130"/>
      <c r="D25" s="130"/>
      <c r="E25" s="20"/>
      <c r="F25" s="17"/>
      <c r="G25" s="17"/>
      <c r="H25" s="17"/>
      <c r="I25" s="17"/>
      <c r="J25" s="17"/>
      <c r="K25" s="21"/>
      <c r="L25" s="21"/>
      <c r="M25" s="22"/>
    </row>
    <row r="26" spans="1:17" s="18" customFormat="1" ht="20.100000000000001" customHeight="1" x14ac:dyDescent="0.2">
      <c r="A26" s="40" t="s">
        <v>5</v>
      </c>
      <c r="B26" s="40"/>
      <c r="C26" s="131"/>
      <c r="D26" s="131"/>
      <c r="E26" s="20"/>
      <c r="F26" s="17"/>
      <c r="G26" s="26" t="s">
        <v>18</v>
      </c>
      <c r="H26" s="143"/>
      <c r="I26" s="143"/>
      <c r="J26" s="17"/>
      <c r="K26" s="21"/>
      <c r="L26" s="21"/>
      <c r="M26" s="22"/>
    </row>
    <row r="27" spans="1:17" s="18" customFormat="1" ht="20.100000000000001" customHeight="1" x14ac:dyDescent="0.2">
      <c r="A27" s="40" t="s">
        <v>6</v>
      </c>
      <c r="B27" s="40"/>
      <c r="C27" s="131"/>
      <c r="D27" s="131"/>
      <c r="E27" s="20"/>
      <c r="F27" s="17"/>
      <c r="G27" s="27"/>
      <c r="H27" s="28"/>
      <c r="I27" s="28"/>
    </row>
    <row r="28" spans="1:17" s="18" customFormat="1" ht="20.100000000000001" customHeight="1" x14ac:dyDescent="0.25">
      <c r="A28" s="19"/>
      <c r="B28" s="19"/>
      <c r="C28" s="19"/>
      <c r="D28" s="20"/>
      <c r="E28" s="20"/>
      <c r="F28" s="17"/>
      <c r="G28" s="29" t="s">
        <v>19</v>
      </c>
      <c r="H28" s="144"/>
      <c r="I28" s="144"/>
    </row>
    <row r="29" spans="1:17" s="18" customFormat="1" ht="20.100000000000001" customHeight="1" x14ac:dyDescent="0.25">
      <c r="A29" s="19"/>
      <c r="B29" s="19"/>
      <c r="C29" s="19"/>
      <c r="D29" s="20"/>
      <c r="E29" s="20"/>
      <c r="F29" s="17"/>
      <c r="G29" s="29" t="s">
        <v>20</v>
      </c>
      <c r="H29" s="142"/>
      <c r="I29" s="142"/>
    </row>
    <row r="30" spans="1:17" s="13" customFormat="1" ht="20.100000000000001" customHeight="1" x14ac:dyDescent="0.2">
      <c r="A30" s="10" t="s">
        <v>2</v>
      </c>
      <c r="B30" s="131"/>
      <c r="C30" s="131"/>
      <c r="D30" s="11"/>
      <c r="E30" s="11"/>
      <c r="F30" s="14"/>
      <c r="G30" s="30" t="s">
        <v>21</v>
      </c>
      <c r="H30" s="27"/>
      <c r="I30" s="31"/>
      <c r="N30" s="10"/>
    </row>
    <row r="31" spans="1:17" s="13" customFormat="1" ht="20.100000000000001" customHeight="1" x14ac:dyDescent="0.2">
      <c r="A31" s="10" t="s">
        <v>1</v>
      </c>
      <c r="B31" s="141"/>
      <c r="C31" s="141"/>
      <c r="D31" s="11"/>
      <c r="E31" s="11"/>
      <c r="F31" s="14"/>
      <c r="G31" s="14"/>
      <c r="H31" s="14"/>
      <c r="I31" s="14"/>
      <c r="N31" s="10"/>
    </row>
    <row r="32" spans="1:17" s="13" customFormat="1" x14ac:dyDescent="0.2">
      <c r="A32" s="10"/>
      <c r="B32" s="10"/>
      <c r="C32" s="10"/>
      <c r="D32" s="11"/>
      <c r="E32" s="11"/>
      <c r="F32" s="14"/>
      <c r="G32" s="14"/>
      <c r="H32" s="14"/>
      <c r="I32" s="14"/>
      <c r="J32" s="14"/>
      <c r="K32" s="12"/>
      <c r="L32" s="12"/>
      <c r="M32" s="10"/>
      <c r="N32" s="10"/>
    </row>
    <row r="33" spans="1:14" s="13" customFormat="1" ht="15" customHeight="1" x14ac:dyDescent="0.2">
      <c r="A33" s="10"/>
      <c r="B33" s="10"/>
      <c r="D33" s="11"/>
      <c r="E33" s="11"/>
      <c r="F33" s="14"/>
      <c r="G33" s="14"/>
      <c r="H33" s="14"/>
      <c r="I33" s="14"/>
      <c r="J33" s="14"/>
      <c r="K33" s="12"/>
      <c r="L33" s="12"/>
      <c r="M33" s="10"/>
      <c r="N33" s="10"/>
    </row>
    <row r="34" spans="1:14" s="2" customFormat="1" x14ac:dyDescent="0.2">
      <c r="A34" s="140" t="s">
        <v>8</v>
      </c>
      <c r="B34" s="140"/>
      <c r="D34" s="3"/>
      <c r="E34" s="3"/>
      <c r="F34" s="4"/>
      <c r="G34" s="4"/>
      <c r="H34" s="4"/>
      <c r="I34" s="4"/>
      <c r="J34" s="4"/>
      <c r="K34" s="15"/>
      <c r="L34" s="15"/>
    </row>
    <row r="35" spans="1:14" ht="14.25" x14ac:dyDescent="0.2">
      <c r="A35" s="32"/>
      <c r="B35" s="89" t="s">
        <v>9</v>
      </c>
    </row>
    <row r="36" spans="1:14" ht="6.75" customHeight="1" x14ac:dyDescent="0.2">
      <c r="A36" s="33"/>
      <c r="B36" s="34"/>
    </row>
  </sheetData>
  <mergeCells count="37">
    <mergeCell ref="A1:N1"/>
    <mergeCell ref="H11:J11"/>
    <mergeCell ref="A10:K10"/>
    <mergeCell ref="E11:E12"/>
    <mergeCell ref="F11:F12"/>
    <mergeCell ref="G11:G12"/>
    <mergeCell ref="A3:M3"/>
    <mergeCell ref="A4:A5"/>
    <mergeCell ref="B4:B5"/>
    <mergeCell ref="M4:N4"/>
    <mergeCell ref="C4:C5"/>
    <mergeCell ref="D4:D5"/>
    <mergeCell ref="M11:N11"/>
    <mergeCell ref="A11:A12"/>
    <mergeCell ref="B11:B12"/>
    <mergeCell ref="C11:C12"/>
    <mergeCell ref="A34:B34"/>
    <mergeCell ref="B30:C30"/>
    <mergeCell ref="B31:C31"/>
    <mergeCell ref="H29:I29"/>
    <mergeCell ref="H26:I26"/>
    <mergeCell ref="H28:I28"/>
    <mergeCell ref="C27:D27"/>
    <mergeCell ref="A19:K19"/>
    <mergeCell ref="D11:D12"/>
    <mergeCell ref="I4:L4"/>
    <mergeCell ref="C25:D25"/>
    <mergeCell ref="C26:D26"/>
    <mergeCell ref="K11:K12"/>
    <mergeCell ref="C23:D23"/>
    <mergeCell ref="C21:D21"/>
    <mergeCell ref="C22:D22"/>
    <mergeCell ref="E4:E5"/>
    <mergeCell ref="F4:F5"/>
    <mergeCell ref="G4:G5"/>
    <mergeCell ref="K14:K16"/>
    <mergeCell ref="A18:K18"/>
  </mergeCells>
  <conditionalFormatting sqref="B30:C30">
    <cfRule type="containsBlanks" dxfId="7" priority="23">
      <formula>LEN(TRIM(B30))=0</formula>
    </cfRule>
  </conditionalFormatting>
  <conditionalFormatting sqref="B31:C31">
    <cfRule type="containsBlanks" dxfId="6" priority="22">
      <formula>LEN(TRIM(B31))=0</formula>
    </cfRule>
  </conditionalFormatting>
  <conditionalFormatting sqref="H28:I28">
    <cfRule type="containsBlanks" dxfId="5" priority="9">
      <formula>LEN(TRIM(H28))=0</formula>
    </cfRule>
  </conditionalFormatting>
  <conditionalFormatting sqref="H29:I29">
    <cfRule type="containsBlanks" dxfId="4" priority="8">
      <formula>LEN(TRIM(H29))=0</formula>
    </cfRule>
  </conditionalFormatting>
  <conditionalFormatting sqref="C21:D23">
    <cfRule type="containsBlanks" dxfId="3" priority="4">
      <formula>LEN(TRIM(C21))=0</formula>
    </cfRule>
  </conditionalFormatting>
  <conditionalFormatting sqref="C25:D27">
    <cfRule type="containsBlanks" dxfId="2" priority="3">
      <formula>LEN(TRIM(C25))=0</formula>
    </cfRule>
  </conditionalFormatting>
  <conditionalFormatting sqref="E7:H7">
    <cfRule type="containsBlanks" dxfId="1" priority="2">
      <formula>LEN(TRIM(E7))=0</formula>
    </cfRule>
  </conditionalFormatting>
  <conditionalFormatting sqref="I7:J7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9" fitToWidth="0" orientation="landscape" r:id="rId1"/>
  <headerFooter alignWithMargins="0"/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2-26T13:28:31Z</cp:lastPrinted>
  <dcterms:created xsi:type="dcterms:W3CDTF">2016-07-20T08:41:08Z</dcterms:created>
  <dcterms:modified xsi:type="dcterms:W3CDTF">2024-02-26T13:28:34Z</dcterms:modified>
</cp:coreProperties>
</file>